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60" r:id="rId2"/>
    <p:sldId id="568" r:id="rId3"/>
    <p:sldId id="561" r:id="rId4"/>
    <p:sldId id="576" r:id="rId5"/>
    <p:sldId id="586" r:id="rId6"/>
    <p:sldId id="569" r:id="rId7"/>
    <p:sldId id="570" r:id="rId8"/>
    <p:sldId id="572" r:id="rId9"/>
    <p:sldId id="573" r:id="rId10"/>
    <p:sldId id="577" r:id="rId11"/>
    <p:sldId id="578" r:id="rId12"/>
    <p:sldId id="580" r:id="rId13"/>
    <p:sldId id="574" r:id="rId14"/>
    <p:sldId id="579" r:id="rId15"/>
    <p:sldId id="581" r:id="rId16"/>
    <p:sldId id="583" r:id="rId17"/>
    <p:sldId id="582" r:id="rId18"/>
    <p:sldId id="584" r:id="rId19"/>
    <p:sldId id="585" r:id="rId20"/>
    <p:sldId id="575" r:id="rId21"/>
    <p:sldId id="587" r:id="rId22"/>
  </p:sldIdLst>
  <p:sldSz cx="12188825" cy="6858000"/>
  <p:notesSz cx="7010400" cy="9296400"/>
  <p:embeddedFontLst>
    <p:embeddedFont>
      <p:font typeface="Georgia" panose="02040502050405020303" pitchFamily="18" charset="0"/>
      <p:regular r:id="rId25"/>
      <p:bold r:id="rId26"/>
      <p:italic r:id="rId27"/>
      <p:boldItalic r:id="rId28"/>
    </p:embeddedFont>
    <p:embeddedFont>
      <p:font typeface="Wingdings 3" panose="05040102010807070707" pitchFamily="18" charset="2"/>
      <p:regular r:id="rId29"/>
    </p:embeddedFont>
    <p:embeddedFont>
      <p:font typeface="AU Passata" panose="020B0503030502030804" pitchFamily="34" charset="0"/>
      <p:regular r:id="rId30"/>
      <p:bold r:id="rId31"/>
    </p:embeddedFont>
    <p:embeddedFont>
      <p:font typeface="AU Passata Light" panose="020B0303030902030804" pitchFamily="34" charset="0"/>
      <p:regular r:id="rId32"/>
      <p:bold r:id="rId33"/>
    </p:embeddedFont>
    <p:embeddedFont>
      <p:font typeface="Calibri" panose="020F0502020204030204" pitchFamily="34" charset="0"/>
      <p:regular r:id="rId34"/>
      <p:bold r:id="rId35"/>
      <p:italic r:id="rId36"/>
      <p:boldItalic r:id="rId37"/>
    </p:embeddedFont>
    <p:embeddedFont>
      <p:font typeface="AU Peto" panose="040C0B07020602020301" pitchFamily="82" charset="0"/>
      <p:regular r:id="rId38"/>
      <p:bold r:id="rId3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9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05049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3457" autoAdjust="0"/>
  </p:normalViewPr>
  <p:slideViewPr>
    <p:cSldViewPr snapToObjects="1" showGuides="1">
      <p:cViewPr varScale="1">
        <p:scale>
          <a:sx n="85" d="100"/>
          <a:sy n="85" d="100"/>
        </p:scale>
        <p:origin x="598" y="43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-1032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929"/>
        <p:guide pos="220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2.fntdata"/><Relationship Id="rId39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font" Target="fonts/font10.fntdata"/><Relationship Id="rId42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5.fntdata"/><Relationship Id="rId41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font" Target="fonts/font13.fntdata"/><Relationship Id="rId40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43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4425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041" y="4415790"/>
            <a:ext cx="5608320" cy="4183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0578311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176392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STTBML</a:t>
            </a:r>
            <a:endParaRPr lang="en-GB" sz="700" b="0" cap="all" baseline="0" dirty="0" smtClean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6006376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 </a:t>
            </a: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2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5" Type="http://schemas.openxmlformats.org/officeDocument/2006/relationships/image" Target="../media/image25.png"/><Relationship Id="rId4" Type="http://schemas.openxmlformats.org/officeDocument/2006/relationships/image" Target="../media/image2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35.png"/><Relationship Id="rId5" Type="http://schemas.openxmlformats.org/officeDocument/2006/relationships/image" Target="../media/image34.png"/><Relationship Id="rId4" Type="http://schemas.openxmlformats.org/officeDocument/2006/relationships/image" Target="../media/image25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4" Type="http://schemas.openxmlformats.org/officeDocument/2006/relationships/image" Target="../media/image3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18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18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EATURE EXTRACTION</a:t>
            </a:r>
            <a:endParaRPr lang="en-GB" sz="4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9916" y="1196752"/>
            <a:ext cx="9153525" cy="49625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816325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EATURE EXTRACTION</a:t>
            </a:r>
            <a:endParaRPr lang="en-GB" sz="4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01924" y="1124744"/>
            <a:ext cx="10035580" cy="267171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17948" y="3861048"/>
            <a:ext cx="5390675" cy="246079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986698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EATURE EXTRACTION</a:t>
            </a:r>
            <a:endParaRPr lang="en-GB" sz="40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57908" y="1124744"/>
            <a:ext cx="10010775" cy="28194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66020" y="3876222"/>
            <a:ext cx="5256584" cy="23989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271662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INE TUNING</a:t>
            </a:r>
            <a:endParaRPr lang="en-GB" sz="4000" dirty="0"/>
          </a:p>
        </p:txBody>
      </p:sp>
      <p:sp>
        <p:nvSpPr>
          <p:cNvPr id="5" name="Rectangle 4"/>
          <p:cNvSpPr/>
          <p:nvPr/>
        </p:nvSpPr>
        <p:spPr>
          <a:xfrm>
            <a:off x="6742484" y="6611779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pyimagesearch.com/2019/06/03/fine-tuning-with-keras-and-deep-learning/</a:t>
            </a:r>
          </a:p>
        </p:txBody>
      </p:sp>
      <p:pic>
        <p:nvPicPr>
          <p:cNvPr id="3080" name="Picture 8" descr="https://www.pyimagesearch.com/wp-content/uploads/2019/06/fine_tuning_keras_network_surgery.p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101"/>
          <a:stretch/>
        </p:blipFill>
        <p:spPr bwMode="auto">
          <a:xfrm>
            <a:off x="1845940" y="1268760"/>
            <a:ext cx="4680520" cy="4857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343985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INE TUNING</a:t>
            </a:r>
            <a:endParaRPr lang="en-GB" sz="4000" dirty="0"/>
          </a:p>
        </p:txBody>
      </p:sp>
      <p:sp>
        <p:nvSpPr>
          <p:cNvPr id="5" name="Rectangle 4"/>
          <p:cNvSpPr/>
          <p:nvPr/>
        </p:nvSpPr>
        <p:spPr>
          <a:xfrm>
            <a:off x="6742484" y="6611779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pyimagesearch.com/2019/06/03/fine-tuning-with-keras-and-deep-learning/</a:t>
            </a:r>
          </a:p>
        </p:txBody>
      </p:sp>
      <p:pic>
        <p:nvPicPr>
          <p:cNvPr id="3078" name="Picture 6" descr="https://www.pyimagesearch.com/wp-content/uploads/2019/06/fine_tuning_keras_freeze_unfreez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1196752"/>
            <a:ext cx="5715000" cy="49053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/>
          <p:cNvSpPr txBox="1"/>
          <p:nvPr/>
        </p:nvSpPr>
        <p:spPr>
          <a:xfrm>
            <a:off x="2061964" y="1412776"/>
            <a:ext cx="144016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latin typeface="+mn-lt"/>
              </a:rPr>
              <a:t>STEP 1</a:t>
            </a:r>
            <a:endParaRPr lang="da-DK" sz="1600" b="1" dirty="0">
              <a:latin typeface="+mn-lt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5158308" y="1412776"/>
            <a:ext cx="144016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latin typeface="+mn-lt"/>
              </a:rPr>
              <a:t>STEP 2</a:t>
            </a:r>
            <a:endParaRPr lang="da-DK" sz="16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00729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INE TUNING</a:t>
            </a:r>
            <a:endParaRPr lang="en-GB" sz="40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19511" y="1052736"/>
            <a:ext cx="9127429" cy="1435907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/>
          <a:srcRect b="75997"/>
          <a:stretch/>
        </p:blipFill>
        <p:spPr>
          <a:xfrm>
            <a:off x="1747804" y="2560650"/>
            <a:ext cx="6496145" cy="1156381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4"/>
          <a:srcRect t="23894" r="38660"/>
          <a:stretch/>
        </p:blipFill>
        <p:spPr>
          <a:xfrm>
            <a:off x="8470676" y="2708920"/>
            <a:ext cx="3240360" cy="2981547"/>
          </a:xfrm>
          <a:prstGeom prst="rect">
            <a:avLst/>
          </a:prstGeom>
        </p:spPr>
      </p:pic>
      <p:pic>
        <p:nvPicPr>
          <p:cNvPr id="10" name="Picture 6" descr="https://www.pyimagesearch.com/wp-content/uploads/2019/06/fine_tuning_keras_freeze_unfreeze.png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720" r="53381"/>
          <a:stretch/>
        </p:blipFill>
        <p:spPr bwMode="auto">
          <a:xfrm>
            <a:off x="504379" y="1412776"/>
            <a:ext cx="1016698" cy="46173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/>
          <p:cNvSpPr txBox="1"/>
          <p:nvPr/>
        </p:nvSpPr>
        <p:spPr>
          <a:xfrm>
            <a:off x="655415" y="1196752"/>
            <a:ext cx="144016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latin typeface="+mn-lt"/>
              </a:rPr>
              <a:t>STEP 1</a:t>
            </a:r>
            <a:endParaRPr lang="da-DK" sz="16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4486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INE TUNING</a:t>
            </a:r>
            <a:endParaRPr lang="en-GB" sz="40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25860" y="1412776"/>
            <a:ext cx="10308779" cy="45816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58752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INE TUNING</a:t>
            </a:r>
            <a:endParaRPr lang="en-GB" sz="40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37331" y="1196752"/>
            <a:ext cx="10433745" cy="1825400"/>
          </a:xfrm>
          <a:prstGeom prst="rect">
            <a:avLst/>
          </a:prstGeom>
        </p:spPr>
      </p:pic>
      <p:cxnSp>
        <p:nvCxnSpPr>
          <p:cNvPr id="6" name="Straight Connector 5"/>
          <p:cNvCxnSpPr/>
          <p:nvPr/>
        </p:nvCxnSpPr>
        <p:spPr bwMode="auto">
          <a:xfrm>
            <a:off x="4726260" y="2780928"/>
            <a:ext cx="1872208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38100" dist="25400" dir="2700000" algn="tl" rotWithShape="0">
              <a:prstClr val="black">
                <a:alpha val="40000"/>
              </a:prstClr>
            </a:outerShdw>
          </a:effectLst>
        </p:spPr>
      </p:cxnSp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17948" y="3140968"/>
            <a:ext cx="6486525" cy="291465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238428" y="1052736"/>
            <a:ext cx="5473130" cy="1006317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798668" y="4221088"/>
            <a:ext cx="3200400" cy="1314450"/>
          </a:xfrm>
          <a:prstGeom prst="rect">
            <a:avLst/>
          </a:prstGeom>
        </p:spPr>
      </p:pic>
      <p:sp>
        <p:nvSpPr>
          <p:cNvPr id="12" name="TextBox 11"/>
          <p:cNvSpPr txBox="1"/>
          <p:nvPr/>
        </p:nvSpPr>
        <p:spPr>
          <a:xfrm>
            <a:off x="8830716" y="3974394"/>
            <a:ext cx="244827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latin typeface="+mn-lt"/>
              </a:rPr>
              <a:t>KERAS AUGMENTATION:</a:t>
            </a:r>
            <a:endParaRPr lang="da-DK" sz="16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49920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90686" y="1060403"/>
            <a:ext cx="7780481" cy="4816869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INE TUNING</a:t>
            </a:r>
            <a:endParaRPr lang="en-GB" sz="4000" dirty="0"/>
          </a:p>
        </p:txBody>
      </p:sp>
      <p:pic>
        <p:nvPicPr>
          <p:cNvPr id="7" name="Picture 6" descr="https://www.pyimagesearch.com/wp-content/uploads/2019/06/fine_tuning_keras_freeze_unfreeze.png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145" r="-1044"/>
          <a:stretch/>
        </p:blipFill>
        <p:spPr bwMode="auto">
          <a:xfrm>
            <a:off x="504379" y="1412776"/>
            <a:ext cx="1016698" cy="46173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/>
          <p:cNvSpPr txBox="1"/>
          <p:nvPr/>
        </p:nvSpPr>
        <p:spPr>
          <a:xfrm>
            <a:off x="746224" y="1196752"/>
            <a:ext cx="144016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latin typeface="+mn-lt"/>
              </a:rPr>
              <a:t>STEP 2</a:t>
            </a:r>
            <a:endParaRPr lang="da-DK" sz="16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349996" y="5853200"/>
            <a:ext cx="4896543" cy="467432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822604" y="3017367"/>
            <a:ext cx="3265849" cy="33032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136980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INE TUNING</a:t>
            </a:r>
            <a:endParaRPr lang="en-GB" sz="4000" dirty="0"/>
          </a:p>
        </p:txBody>
      </p:sp>
      <p:pic>
        <p:nvPicPr>
          <p:cNvPr id="7" name="Picture 6" descr="https://www.pyimagesearch.com/wp-content/uploads/2019/06/fine_tuning_keras_freeze_unfreeze.p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145" r="-1044"/>
          <a:stretch/>
        </p:blipFill>
        <p:spPr bwMode="auto">
          <a:xfrm>
            <a:off x="504379" y="1412776"/>
            <a:ext cx="1016698" cy="46173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/>
          <p:cNvSpPr txBox="1"/>
          <p:nvPr/>
        </p:nvSpPr>
        <p:spPr>
          <a:xfrm>
            <a:off x="746224" y="1196752"/>
            <a:ext cx="144016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latin typeface="+mn-lt"/>
              </a:rPr>
              <a:t>STEP 2</a:t>
            </a:r>
            <a:endParaRPr lang="da-DK" sz="16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89956" y="1313707"/>
            <a:ext cx="9898426" cy="385226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552192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405780" y="3328822"/>
            <a:ext cx="5112568" cy="1329595"/>
          </a:xfrm>
        </p:spPr>
        <p:txBody>
          <a:bodyPr/>
          <a:lstStyle/>
          <a:p>
            <a:pPr algn="ctr"/>
            <a:r>
              <a:rPr lang="en-US" altLang="en-US" sz="4800" dirty="0" smtClean="0">
                <a:latin typeface="+mj-lt"/>
              </a:rPr>
              <a:t>TRANSFER</a:t>
            </a:r>
            <a:br>
              <a:rPr lang="en-US" altLang="en-US" sz="4800" dirty="0" smtClean="0">
                <a:latin typeface="+mj-lt"/>
              </a:rPr>
            </a:br>
            <a:r>
              <a:rPr lang="en-US" altLang="en-US" sz="4800" dirty="0" smtClean="0">
                <a:latin typeface="+mj-lt"/>
              </a:rPr>
              <a:t>LEARNING</a:t>
            </a:r>
            <a:endParaRPr lang="en-US" altLang="en-US" sz="4800" dirty="0">
              <a:latin typeface="+mj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02324" y="2420888"/>
            <a:ext cx="5316611" cy="3071820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438752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</a:t>
            </a:r>
            <a:endParaRPr lang="en-GB" sz="4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85900" y="1340768"/>
            <a:ext cx="8963025" cy="43243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055085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4462723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RANSFER LEARNING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8567092" cy="409342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Convolutional neural networks require lots of data and lots of compute power!</a:t>
            </a:r>
          </a:p>
          <a:p>
            <a:pPr>
              <a:lnSpc>
                <a:spcPct val="95000"/>
              </a:lnSpc>
            </a:pPr>
            <a:endParaRPr lang="en-US" sz="2800" b="1" dirty="0" smtClean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What if you have neither?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TRANSFER LEARNING: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Re-use already trained network</a:t>
            </a:r>
          </a:p>
          <a:p>
            <a:pPr>
              <a:lnSpc>
                <a:spcPct val="95000"/>
              </a:lnSpc>
            </a:pPr>
            <a:r>
              <a:rPr lang="en-US" sz="2800" b="1" dirty="0" smtClean="0"/>
              <a:t>for new (possibly related) task.</a:t>
            </a:r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4602" y="2204864"/>
            <a:ext cx="4272298" cy="36116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37044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RANSFER LEARNING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8567092" cy="409342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Convolutional neural networks require lots of data and lots of compute power.</a:t>
            </a:r>
          </a:p>
          <a:p>
            <a:pPr>
              <a:lnSpc>
                <a:spcPct val="95000"/>
              </a:lnSpc>
            </a:pPr>
            <a:endParaRPr lang="en-US" sz="2800" b="1" dirty="0" smtClean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What if you have neither?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TRANSFER LEARNING: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Re-use already trained network</a:t>
            </a:r>
          </a:p>
          <a:p>
            <a:pPr>
              <a:lnSpc>
                <a:spcPct val="95000"/>
              </a:lnSpc>
            </a:pPr>
            <a:r>
              <a:rPr lang="en-US" sz="2800" b="1" dirty="0" smtClean="0"/>
              <a:t>for new (possibly related) task.</a:t>
            </a:r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8" name="Picture 2" descr="Related imag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060848"/>
            <a:ext cx="5499027" cy="38164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895895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RANSFER LEARNING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8567092" cy="409342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Convolutional neural networks require lots of data and lots of compute power.</a:t>
            </a:r>
          </a:p>
          <a:p>
            <a:pPr>
              <a:lnSpc>
                <a:spcPct val="95000"/>
              </a:lnSpc>
            </a:pPr>
            <a:endParaRPr lang="en-US" sz="2800" b="1" dirty="0" smtClean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What if you have neither?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TRANSFER LEARNING: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Re-use already trained network</a:t>
            </a:r>
          </a:p>
          <a:p>
            <a:pPr>
              <a:lnSpc>
                <a:spcPct val="95000"/>
              </a:lnSpc>
            </a:pPr>
            <a:r>
              <a:rPr lang="en-US" sz="2800" b="1" dirty="0" smtClean="0"/>
              <a:t>for new (possibly related) task.</a:t>
            </a:r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  <p:pic>
        <p:nvPicPr>
          <p:cNvPr id="6" name="Picture 2" descr="Three ways in which transfer might improve learni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0784"/>
          <a:stretch/>
        </p:blipFill>
        <p:spPr bwMode="auto">
          <a:xfrm>
            <a:off x="6598468" y="1916832"/>
            <a:ext cx="4320480" cy="36015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Three ways in which transfer might improve learni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0775" t="47355" b="27390"/>
          <a:stretch/>
        </p:blipFill>
        <p:spPr bwMode="auto">
          <a:xfrm>
            <a:off x="7966620" y="5608048"/>
            <a:ext cx="1812538" cy="5760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824093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RANSFER LEARNING</a:t>
            </a: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8567092" cy="57308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/>
              <a:t>Convolutional neural networks require lots of data and lots of compute power.</a:t>
            </a:r>
          </a:p>
          <a:p>
            <a:pPr>
              <a:lnSpc>
                <a:spcPct val="95000"/>
              </a:lnSpc>
            </a:pPr>
            <a:endParaRPr lang="en-US" sz="2800" b="1" dirty="0" smtClean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What if you have neither?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r>
              <a:rPr lang="en-US" sz="2800" b="1" dirty="0" smtClean="0"/>
              <a:t>TRANSFER LEARNING: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 marL="1123843" lvl="1" indent="-514350">
              <a:lnSpc>
                <a:spcPct val="95000"/>
              </a:lnSpc>
              <a:buAutoNum type="arabicPeriod"/>
            </a:pPr>
            <a:r>
              <a:rPr lang="en-US" sz="2800" b="1" dirty="0" smtClean="0"/>
              <a:t>Transfer learning via feature extraction.</a:t>
            </a:r>
          </a:p>
          <a:p>
            <a:pPr marL="1123843" lvl="1" indent="-514350">
              <a:lnSpc>
                <a:spcPct val="95000"/>
              </a:lnSpc>
              <a:buAutoNum type="arabicPeriod"/>
            </a:pPr>
            <a:endParaRPr lang="en-US" sz="2800" b="1" dirty="0" smtClean="0"/>
          </a:p>
          <a:p>
            <a:pPr marL="1123843" lvl="1" indent="-514350">
              <a:lnSpc>
                <a:spcPct val="95000"/>
              </a:lnSpc>
              <a:buFont typeface="AU Passata" pitchFamily="34" charset="0"/>
              <a:buAutoNum type="arabicPeriod"/>
            </a:pPr>
            <a:r>
              <a:rPr lang="en-US" sz="2800" b="1" dirty="0"/>
              <a:t>Transfer learning </a:t>
            </a:r>
            <a:r>
              <a:rPr lang="en-US" sz="2800" b="1" dirty="0" smtClean="0"/>
              <a:t>via fine turning.</a:t>
            </a:r>
          </a:p>
          <a:p>
            <a:pPr>
              <a:lnSpc>
                <a:spcPct val="95000"/>
              </a:lnSpc>
            </a:pPr>
            <a:endParaRPr lang="en-US" sz="2800" b="1" dirty="0"/>
          </a:p>
          <a:p>
            <a:pPr>
              <a:lnSpc>
                <a:spcPct val="95000"/>
              </a:lnSpc>
            </a:pPr>
            <a:endParaRPr lang="en-US" sz="2800" b="1" dirty="0" smtClean="0"/>
          </a:p>
          <a:p>
            <a:pPr marL="514350" indent="-514350">
              <a:lnSpc>
                <a:spcPct val="95000"/>
              </a:lnSpc>
              <a:buAutoNum type="arabicPeriod"/>
            </a:pPr>
            <a:endParaRPr lang="en-US" sz="2800" b="1" dirty="0" smtClean="0"/>
          </a:p>
          <a:p>
            <a:pPr>
              <a:lnSpc>
                <a:spcPct val="95000"/>
              </a:lnSpc>
            </a:pPr>
            <a:endParaRPr lang="da-DK" sz="28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2259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EATURE EXTRACTION</a:t>
            </a:r>
            <a:endParaRPr lang="en-GB" sz="4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9667" y="2060848"/>
            <a:ext cx="10781670" cy="3642572"/>
          </a:xfrm>
          <a:prstGeom prst="rect">
            <a:avLst/>
          </a:prstGeom>
        </p:spPr>
      </p:pic>
      <p:cxnSp>
        <p:nvCxnSpPr>
          <p:cNvPr id="7" name="Straight Connector 6"/>
          <p:cNvCxnSpPr/>
          <p:nvPr/>
        </p:nvCxnSpPr>
        <p:spPr bwMode="auto">
          <a:xfrm>
            <a:off x="8290735" y="1412776"/>
            <a:ext cx="72008" cy="4968552"/>
          </a:xfrm>
          <a:prstGeom prst="line">
            <a:avLst/>
          </a:prstGeom>
          <a:solidFill>
            <a:schemeClr val="accent2"/>
          </a:solidFill>
          <a:ln w="31750" cap="flat" cmpd="sng" algn="ctr">
            <a:solidFill>
              <a:srgbClr val="FF0000"/>
            </a:solidFill>
            <a:prstDash val="sysDash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32223569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EATURE EXTRACTION</a:t>
            </a:r>
            <a:endParaRPr lang="en-GB" sz="40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4767" y="1484784"/>
            <a:ext cx="7200800" cy="403638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22604" y="1340768"/>
            <a:ext cx="3360597" cy="46085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956582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7748" y="228627"/>
            <a:ext cx="11953328" cy="752101"/>
          </a:xfrm>
        </p:spPr>
        <p:txBody>
          <a:bodyPr/>
          <a:lstStyle/>
          <a:p>
            <a:r>
              <a:rPr lang="en-GB" sz="4000" dirty="0" smtClean="0"/>
              <a:t>TRANSFER LEARNING VIA FEATURE EXTRACTION</a:t>
            </a:r>
            <a:endParaRPr lang="en-GB" sz="40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4767" y="1484784"/>
            <a:ext cx="7200800" cy="403638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22604" y="1340768"/>
            <a:ext cx="3360597" cy="4608512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 bwMode="auto">
          <a:xfrm>
            <a:off x="4755654" y="3648290"/>
            <a:ext cx="2346870" cy="1512168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1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1" i="0" u="none" strike="noStrike" cap="none" normalizeH="0" baseline="0" dirty="0" smtClean="0">
                <a:ln>
                  <a:noFill/>
                </a:ln>
                <a:effectLst/>
              </a:rPr>
              <a:t>Logistic Regression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600" b="1" dirty="0" smtClean="0"/>
              <a:t>Linear SVM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1" i="0" u="none" strike="noStrike" cap="none" normalizeH="0" baseline="0" dirty="0" smtClean="0">
                <a:ln>
                  <a:noFill/>
                </a:ln>
                <a:effectLst/>
              </a:rPr>
              <a:t>Naïve Bayes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600" b="1" dirty="0" smtClean="0"/>
              <a:t>Etc.</a:t>
            </a:r>
            <a:endParaRPr kumimoji="0" lang="da-DK" sz="1600" b="1" i="0" u="none" strike="noStrike" cap="none" normalizeH="0" baseline="0" dirty="0" err="1">
              <a:ln>
                <a:noFill/>
              </a:ln>
              <a:effectLst/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5000206" y="5130908"/>
            <a:ext cx="1800200" cy="28409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1" i="0" u="none" strike="noStrike" cap="none" normalizeH="0" baseline="0" dirty="0" smtClean="0">
                <a:ln>
                  <a:noFill/>
                </a:ln>
                <a:effectLst/>
              </a:rPr>
              <a:t>SIMPLE MODELS</a:t>
            </a:r>
            <a:endParaRPr kumimoji="0" lang="da-DK" sz="1600" b="1" i="0" u="none" strike="noStrike" cap="none" normalizeH="0" baseline="0" dirty="0" err="1">
              <a:ln>
                <a:noFill/>
              </a:ln>
              <a:effectLst/>
            </a:endParaRPr>
          </a:p>
        </p:txBody>
      </p:sp>
      <p:sp>
        <p:nvSpPr>
          <p:cNvPr id="7" name="Rectangle 6"/>
          <p:cNvSpPr/>
          <p:nvPr/>
        </p:nvSpPr>
        <p:spPr bwMode="auto">
          <a:xfrm>
            <a:off x="6800406" y="3632359"/>
            <a:ext cx="792088" cy="1512168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1" i="0" u="none" strike="noStrike" cap="none" normalizeH="0" baseline="0" dirty="0" smtClean="0">
              <a:ln>
                <a:noFill/>
              </a:ln>
              <a:effectLst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671768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3</Words>
  <Application>Microsoft Office PowerPoint</Application>
  <PresentationFormat>Custom</PresentationFormat>
  <Paragraphs>73</Paragraphs>
  <Slides>21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9" baseType="lpstr">
      <vt:lpstr>Georgia</vt:lpstr>
      <vt:lpstr>Wingdings 3</vt:lpstr>
      <vt:lpstr>AU Passata</vt:lpstr>
      <vt:lpstr>AU Passata Light</vt:lpstr>
      <vt:lpstr>Arial</vt:lpstr>
      <vt:lpstr>Calibri</vt:lpstr>
      <vt:lpstr>AU Peto</vt:lpstr>
      <vt:lpstr>AU 16:9</vt:lpstr>
      <vt:lpstr>PowerPoint Presentation</vt:lpstr>
      <vt:lpstr>TRANSFER LEARNING</vt:lpstr>
      <vt:lpstr>TRANSFER LEARNING</vt:lpstr>
      <vt:lpstr>TRANSFER LEARNING</vt:lpstr>
      <vt:lpstr>TRANSFER LEARNING</vt:lpstr>
      <vt:lpstr>TRANSFER LEARNING</vt:lpstr>
      <vt:lpstr>TRANSFER LEARNING VIA FEATURE EXTRACTION</vt:lpstr>
      <vt:lpstr>TRANSFER LEARNING VIA FEATURE EXTRACTION</vt:lpstr>
      <vt:lpstr>TRANSFER LEARNING VIA FEATURE EXTRACTION</vt:lpstr>
      <vt:lpstr>TRANSFER LEARNING VIA FEATURE EXTRACTION</vt:lpstr>
      <vt:lpstr>TRANSFER LEARNING VIA FEATURE EXTRACTION</vt:lpstr>
      <vt:lpstr>TRANSFER LEARNING VIA FEATURE EXTRACTION</vt:lpstr>
      <vt:lpstr>TRANSFER LEARNING VIA FINE TUNING</vt:lpstr>
      <vt:lpstr>TRANSFER LEARNING VIA FINE TUNING</vt:lpstr>
      <vt:lpstr>TRANSFER LEARNING VIA FINE TUNING</vt:lpstr>
      <vt:lpstr>TRANSFER LEARNING VIA FINE TUNING</vt:lpstr>
      <vt:lpstr>TRANSFER LEARNING VIA FINE TUNING</vt:lpstr>
      <vt:lpstr>TRANSFER LEARNING VIA FINE TUNING</vt:lpstr>
      <vt:lpstr>TRANSFER LEARNING VIA FINE TUNING</vt:lpstr>
      <vt:lpstr>TRANSFER LEARNING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7T12:24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